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63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7-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7-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eemnes/"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ogo, schermopname, rood&#10;&#10;Automatisch gegenereerde beschrijving">
            <a:extLst>
              <a:ext uri="{FF2B5EF4-FFF2-40B4-BE49-F238E27FC236}">
                <a16:creationId xmlns:a16="http://schemas.microsoft.com/office/drawing/2014/main" id="{91A9F9B3-5BEE-A410-7D79-5B1F3B15DD05}"/>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247176" y="5109030"/>
            <a:ext cx="2445954" cy="1482248"/>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ogo, schermopname, rood&#10;&#10;Automatisch gegenereerde beschrijving">
            <a:extLst>
              <a:ext uri="{FF2B5EF4-FFF2-40B4-BE49-F238E27FC236}">
                <a16:creationId xmlns:a16="http://schemas.microsoft.com/office/drawing/2014/main" id="{BB24B28E-9ADA-4A18-3EFE-943F12FF8DEC}"/>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21119" y="4225334"/>
            <a:ext cx="1724659" cy="1045143"/>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1</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3</cp:revision>
  <dcterms:created xsi:type="dcterms:W3CDTF">2019-07-30T10:24:44Z</dcterms:created>
  <dcterms:modified xsi:type="dcterms:W3CDTF">2024-07-01T13:53:19Z</dcterms:modified>
</cp:coreProperties>
</file>